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430"/>
  <workbookPr/>
  <mc:AlternateContent xmlns:mc="http://schemas.openxmlformats.org/markup-compatibility/2006">
    <mc:Choice Requires="x15">
      <x15ac:absPath xmlns:x15ac="http://schemas.microsoft.com/office/spreadsheetml/2010/11/ac" url="C:\Users\MARY_PLANEACION\Desktop\2021\Nueva carpeta\s7406\2021\3do Trimestre\"/>
    </mc:Choice>
  </mc:AlternateContent>
  <xr:revisionPtr revIDLastSave="0" documentId="13_ncr:1_{A9AA715C-5540-4328-B66B-CF222D114A6E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Reporte de Formatos" sheetId="1" r:id="rId1"/>
    <sheet name="Hidden_1" sheetId="2" r:id="rId2"/>
  </sheets>
  <definedNames>
    <definedName name="Hidden_115">Hidden_1!$A$1:$A$2</definedName>
  </definedNames>
  <calcPr calcId="0"/>
</workbook>
</file>

<file path=xl/sharedStrings.xml><?xml version="1.0" encoding="utf-8"?>
<sst xmlns="http://schemas.openxmlformats.org/spreadsheetml/2006/main" count="193" uniqueCount="87">
  <si>
    <t>43822</t>
  </si>
  <si>
    <t>TÍTULO</t>
  </si>
  <si>
    <t>NOMBRE CORTO</t>
  </si>
  <si>
    <t>DESCRIPCIÓN</t>
  </si>
  <si>
    <t>Indicadores de resultados</t>
  </si>
  <si>
    <t>N_F6_LTAIPEC_Art74FrVI</t>
  </si>
  <si>
    <t>La información de los indicadores de desempeño de sus objetivos institucionales la cual deberá  publicarse de tal forma que sea posible la consulta por sujeto obligado, año y área o unidad responsable del programa correspondiente.</t>
  </si>
  <si>
    <t>1</t>
  </si>
  <si>
    <t>4</t>
  </si>
  <si>
    <t>2</t>
  </si>
  <si>
    <t>9</t>
  </si>
  <si>
    <t>13</t>
  </si>
  <si>
    <t>14</t>
  </si>
  <si>
    <t>343182</t>
  </si>
  <si>
    <t>343198</t>
  </si>
  <si>
    <t>343199</t>
  </si>
  <si>
    <t>343188</t>
  </si>
  <si>
    <t>343197</t>
  </si>
  <si>
    <t>343179</t>
  </si>
  <si>
    <t>343183</t>
  </si>
  <si>
    <t>343184</t>
  </si>
  <si>
    <t>343185</t>
  </si>
  <si>
    <t>343180</t>
  </si>
  <si>
    <t>343181</t>
  </si>
  <si>
    <t>343200</t>
  </si>
  <si>
    <t>343186</t>
  </si>
  <si>
    <t>343190</t>
  </si>
  <si>
    <t>343189</t>
  </si>
  <si>
    <t>343194</t>
  </si>
  <si>
    <t>343187</t>
  </si>
  <si>
    <t>343195</t>
  </si>
  <si>
    <t>343191</t>
  </si>
  <si>
    <t>343193</t>
  </si>
  <si>
    <t>343196</t>
  </si>
  <si>
    <t>Tabla Campos</t>
  </si>
  <si>
    <t>Ejercicio</t>
  </si>
  <si>
    <t>Fecha de inicio del periodo que se informa</t>
  </si>
  <si>
    <t>Fecha de término del periodo que se informa</t>
  </si>
  <si>
    <t>Nombre del programa o concepto al que corresponde el indicador</t>
  </si>
  <si>
    <t>Objetivo institucional</t>
  </si>
  <si>
    <t>Nombre(s) del(os) indicador(es)</t>
  </si>
  <si>
    <t>Dimensión(es) a medir</t>
  </si>
  <si>
    <t>Definición del indicador</t>
  </si>
  <si>
    <t>Método de cálculo con variables de la fórmula</t>
  </si>
  <si>
    <t>Unidad de medida</t>
  </si>
  <si>
    <t>Frecuencia de medición</t>
  </si>
  <si>
    <t>Línea base</t>
  </si>
  <si>
    <t>Metas programadas</t>
  </si>
  <si>
    <t>Metas ajustadas que existan, en su caso</t>
  </si>
  <si>
    <t>Avance de metas</t>
  </si>
  <si>
    <t>Sentido del indicador (catálogo)</t>
  </si>
  <si>
    <t>Fuente de información</t>
  </si>
  <si>
    <t>Área(s) responsable(s) que genera(n), posee(n), publica(n) y actualizan la información</t>
  </si>
  <si>
    <t>Fecha de validación</t>
  </si>
  <si>
    <t>Fecha de actualización</t>
  </si>
  <si>
    <t>Nota</t>
  </si>
  <si>
    <t>Ascendente</t>
  </si>
  <si>
    <t>Descendente</t>
  </si>
  <si>
    <t>Indicadores de gestión</t>
  </si>
  <si>
    <t>Mejorar la distribucipn y calidad del agua en el municipio de campeche</t>
  </si>
  <si>
    <t>Cobertura de agua potable</t>
  </si>
  <si>
    <t>Municipio de Campeche</t>
  </si>
  <si>
    <t>Poblacion con servicio de agua potable/poblacion total</t>
  </si>
  <si>
    <t>porcentaje</t>
  </si>
  <si>
    <t>semestral</t>
  </si>
  <si>
    <t>SMAPAC</t>
  </si>
  <si>
    <t>Continuidad del servicio</t>
  </si>
  <si>
    <t>Tomas con servicio continuo/total de tomas activas registradas</t>
  </si>
  <si>
    <t>Dotacion por habitante</t>
  </si>
  <si>
    <t>Total de m3 producidos/poblacion total</t>
  </si>
  <si>
    <t>Incidencia en la energia electrica</t>
  </si>
  <si>
    <t>Costo de energia electrica/costo operacional</t>
  </si>
  <si>
    <t>Cobertura de macromedicion</t>
  </si>
  <si>
    <t>Macromedidores en funcion/fuentes de abastecimiento activas</t>
  </si>
  <si>
    <t>Cobertura de micromedicion</t>
  </si>
  <si>
    <t>Micromedidores instalados funcionando/total de tomas activas registradas</t>
  </si>
  <si>
    <t>Eficiencia fisica</t>
  </si>
  <si>
    <t>volumen de agua facturados/total de m3 producidos</t>
  </si>
  <si>
    <t>Eficiencia comercial</t>
  </si>
  <si>
    <t>Importe de agua recaudado/importe de agua facturado</t>
  </si>
  <si>
    <t>Eficiencia global</t>
  </si>
  <si>
    <t>Tomas domesticas*costo de energia electrica</t>
  </si>
  <si>
    <t>Indice laboral</t>
  </si>
  <si>
    <t>Número de empleados/(numero de empleados/1000)</t>
  </si>
  <si>
    <t>indice</t>
  </si>
  <si>
    <t>SUBDIRECCION DE OPERACIONES, INFRAESTRUCTURA URABAN Y RURAL, SUBDIRECCION DE COMERCIALIZACION, SUBDIRECION ADMINISRATIVA, RECURSOS HUMANOS, COORDINACION DE OPERACIONES</t>
  </si>
  <si>
    <t>ESTE INDICADOR  SE GENERA SEMESTR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indexed="8"/>
      <name val="Calibri"/>
      <family val="2"/>
      <scheme val="minor"/>
    </font>
    <font>
      <b/>
      <sz val="11"/>
      <color indexed="9"/>
      <name val="Arial"/>
      <family val="2"/>
    </font>
    <font>
      <sz val="10"/>
      <color indexed="8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rgb="FF333333"/>
      </patternFill>
    </fill>
    <fill>
      <patternFill patternType="solid">
        <fgColor rgb="FFE1E1E1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11">
    <xf numFmtId="0" fontId="0" fillId="0" borderId="0" xfId="0"/>
    <xf numFmtId="0" fontId="2" fillId="3" borderId="1" xfId="0" applyFont="1" applyFill="1" applyBorder="1" applyAlignment="1">
      <alignment horizontal="center" wrapText="1"/>
    </xf>
    <xf numFmtId="14" fontId="0" fillId="0" borderId="0" xfId="0" applyNumberFormat="1"/>
    <xf numFmtId="2" fontId="0" fillId="0" borderId="0" xfId="0" applyNumberFormat="1"/>
    <xf numFmtId="0" fontId="0" fillId="0" borderId="0" xfId="0"/>
    <xf numFmtId="0" fontId="0" fillId="0" borderId="0" xfId="0"/>
    <xf numFmtId="0" fontId="0" fillId="0" borderId="0" xfId="0"/>
    <xf numFmtId="0" fontId="1" fillId="2" borderId="1" xfId="0" applyFont="1" applyFill="1" applyBorder="1" applyAlignment="1">
      <alignment horizontal="center"/>
    </xf>
    <xf numFmtId="0" fontId="0" fillId="0" borderId="0" xfId="0"/>
    <xf numFmtId="0" fontId="2" fillId="3" borderId="1" xfId="0" applyFont="1" applyFill="1" applyBorder="1"/>
    <xf numFmtId="0" fontId="0" fillId="0" borderId="0" xfId="0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U25"/>
  <sheetViews>
    <sheetView tabSelected="1" topLeftCell="O7" zoomScale="80" zoomScaleNormal="80" workbookViewId="0">
      <selection activeCell="U27" sqref="U27"/>
    </sheetView>
  </sheetViews>
  <sheetFormatPr baseColWidth="10" defaultColWidth="9.109375" defaultRowHeight="14.4" x14ac:dyDescent="0.3"/>
  <cols>
    <col min="1" max="1" width="8" bestFit="1" customWidth="1"/>
    <col min="2" max="2" width="36.44140625" bestFit="1" customWidth="1"/>
    <col min="3" max="3" width="38.5546875" bestFit="1" customWidth="1"/>
    <col min="4" max="4" width="56" bestFit="1" customWidth="1"/>
    <col min="5" max="5" width="18.5546875" bestFit="1" customWidth="1"/>
    <col min="6" max="6" width="27.5546875" bestFit="1" customWidth="1"/>
    <col min="7" max="7" width="20" bestFit="1" customWidth="1"/>
    <col min="8" max="8" width="20.5546875" bestFit="1" customWidth="1"/>
    <col min="9" max="9" width="39.44140625" bestFit="1" customWidth="1"/>
    <col min="10" max="10" width="16.33203125" bestFit="1" customWidth="1"/>
    <col min="11" max="11" width="20.88671875" bestFit="1" customWidth="1"/>
    <col min="12" max="12" width="10" bestFit="1" customWidth="1"/>
    <col min="13" max="13" width="17.5546875" bestFit="1" customWidth="1"/>
    <col min="14" max="14" width="34.6640625" bestFit="1" customWidth="1"/>
    <col min="15" max="15" width="15.44140625" bestFit="1" customWidth="1"/>
    <col min="16" max="16" width="27.5546875" bestFit="1" customWidth="1"/>
    <col min="17" max="17" width="19.6640625" bestFit="1" customWidth="1"/>
    <col min="18" max="18" width="73.109375" bestFit="1" customWidth="1"/>
    <col min="19" max="19" width="17.5546875" bestFit="1" customWidth="1"/>
    <col min="20" max="20" width="20" bestFit="1" customWidth="1"/>
    <col min="21" max="21" width="8" bestFit="1" customWidth="1"/>
  </cols>
  <sheetData>
    <row r="1" spans="1:21" hidden="1" x14ac:dyDescent="0.3">
      <c r="A1" t="s">
        <v>0</v>
      </c>
    </row>
    <row r="2" spans="1:21" x14ac:dyDescent="0.3">
      <c r="A2" s="7" t="s">
        <v>1</v>
      </c>
      <c r="B2" s="8"/>
      <c r="C2" s="8"/>
      <c r="D2" s="7" t="s">
        <v>2</v>
      </c>
      <c r="E2" s="8"/>
      <c r="F2" s="8"/>
      <c r="G2" s="7" t="s">
        <v>3</v>
      </c>
      <c r="H2" s="8"/>
      <c r="I2" s="8"/>
    </row>
    <row r="3" spans="1:21" x14ac:dyDescent="0.3">
      <c r="A3" s="9" t="s">
        <v>4</v>
      </c>
      <c r="B3" s="8"/>
      <c r="C3" s="8"/>
      <c r="D3" s="9" t="s">
        <v>5</v>
      </c>
      <c r="E3" s="8"/>
      <c r="F3" s="8"/>
      <c r="G3" s="9" t="s">
        <v>6</v>
      </c>
      <c r="H3" s="8"/>
      <c r="I3" s="8"/>
    </row>
    <row r="4" spans="1:21" hidden="1" x14ac:dyDescent="0.3">
      <c r="A4" t="s">
        <v>7</v>
      </c>
      <c r="B4" t="s">
        <v>8</v>
      </c>
      <c r="C4" t="s">
        <v>8</v>
      </c>
      <c r="D4" t="s">
        <v>9</v>
      </c>
      <c r="E4" t="s">
        <v>7</v>
      </c>
      <c r="F4" t="s">
        <v>7</v>
      </c>
      <c r="G4" t="s">
        <v>7</v>
      </c>
      <c r="H4" t="s">
        <v>9</v>
      </c>
      <c r="I4" t="s">
        <v>9</v>
      </c>
      <c r="J4" t="s">
        <v>7</v>
      </c>
      <c r="K4" t="s">
        <v>7</v>
      </c>
      <c r="L4" t="s">
        <v>7</v>
      </c>
      <c r="M4" t="s">
        <v>9</v>
      </c>
      <c r="N4" t="s">
        <v>9</v>
      </c>
      <c r="O4" t="s">
        <v>9</v>
      </c>
      <c r="P4" t="s">
        <v>10</v>
      </c>
      <c r="Q4" t="s">
        <v>9</v>
      </c>
      <c r="R4" t="s">
        <v>9</v>
      </c>
      <c r="S4" t="s">
        <v>8</v>
      </c>
      <c r="T4" t="s">
        <v>11</v>
      </c>
      <c r="U4" t="s">
        <v>12</v>
      </c>
    </row>
    <row r="5" spans="1:21" hidden="1" x14ac:dyDescent="0.3">
      <c r="A5" t="s">
        <v>13</v>
      </c>
      <c r="B5" t="s">
        <v>14</v>
      </c>
      <c r="C5" t="s">
        <v>15</v>
      </c>
      <c r="D5" t="s">
        <v>16</v>
      </c>
      <c r="E5" t="s">
        <v>17</v>
      </c>
      <c r="F5" t="s">
        <v>18</v>
      </c>
      <c r="G5" t="s">
        <v>19</v>
      </c>
      <c r="H5" t="s">
        <v>20</v>
      </c>
      <c r="I5" t="s">
        <v>21</v>
      </c>
      <c r="J5" t="s">
        <v>22</v>
      </c>
      <c r="K5" t="s">
        <v>23</v>
      </c>
      <c r="L5" t="s">
        <v>24</v>
      </c>
      <c r="M5" t="s">
        <v>25</v>
      </c>
      <c r="N5" t="s">
        <v>26</v>
      </c>
      <c r="O5" t="s">
        <v>27</v>
      </c>
      <c r="P5" t="s">
        <v>28</v>
      </c>
      <c r="Q5" t="s">
        <v>29</v>
      </c>
      <c r="R5" t="s">
        <v>30</v>
      </c>
      <c r="S5" t="s">
        <v>31</v>
      </c>
      <c r="T5" t="s">
        <v>32</v>
      </c>
      <c r="U5" t="s">
        <v>33</v>
      </c>
    </row>
    <row r="6" spans="1:21" x14ac:dyDescent="0.3">
      <c r="A6" s="7" t="s">
        <v>34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  <c r="Q6" s="8"/>
      <c r="R6" s="8"/>
      <c r="S6" s="8"/>
      <c r="T6" s="8"/>
      <c r="U6" s="8"/>
    </row>
    <row r="7" spans="1:21" ht="27" x14ac:dyDescent="0.3">
      <c r="A7" s="1" t="s">
        <v>35</v>
      </c>
      <c r="B7" s="1" t="s">
        <v>36</v>
      </c>
      <c r="C7" s="1" t="s">
        <v>37</v>
      </c>
      <c r="D7" s="1" t="s">
        <v>38</v>
      </c>
      <c r="E7" s="1" t="s">
        <v>39</v>
      </c>
      <c r="F7" s="1" t="s">
        <v>40</v>
      </c>
      <c r="G7" s="1" t="s">
        <v>41</v>
      </c>
      <c r="H7" s="1" t="s">
        <v>42</v>
      </c>
      <c r="I7" s="1" t="s">
        <v>43</v>
      </c>
      <c r="J7" s="1" t="s">
        <v>44</v>
      </c>
      <c r="K7" s="1" t="s">
        <v>45</v>
      </c>
      <c r="L7" s="1" t="s">
        <v>46</v>
      </c>
      <c r="M7" s="1" t="s">
        <v>47</v>
      </c>
      <c r="N7" s="1" t="s">
        <v>48</v>
      </c>
      <c r="O7" s="1" t="s">
        <v>49</v>
      </c>
      <c r="P7" s="1" t="s">
        <v>50</v>
      </c>
      <c r="Q7" s="1" t="s">
        <v>51</v>
      </c>
      <c r="R7" s="1" t="s">
        <v>52</v>
      </c>
      <c r="S7" s="1" t="s">
        <v>53</v>
      </c>
      <c r="T7" s="1" t="s">
        <v>54</v>
      </c>
      <c r="U7" s="1" t="s">
        <v>55</v>
      </c>
    </row>
    <row r="8" spans="1:21" x14ac:dyDescent="0.3">
      <c r="A8">
        <v>2021</v>
      </c>
      <c r="B8" s="2">
        <v>44378</v>
      </c>
      <c r="C8" s="2">
        <v>44469</v>
      </c>
      <c r="D8" t="s">
        <v>58</v>
      </c>
      <c r="E8" t="s">
        <v>59</v>
      </c>
      <c r="F8" t="s">
        <v>60</v>
      </c>
      <c r="G8" t="s">
        <v>61</v>
      </c>
      <c r="H8" t="s">
        <v>60</v>
      </c>
      <c r="I8" t="s">
        <v>62</v>
      </c>
      <c r="J8" t="s">
        <v>63</v>
      </c>
      <c r="K8" t="s">
        <v>64</v>
      </c>
      <c r="L8">
        <v>0</v>
      </c>
      <c r="O8">
        <v>0.96</v>
      </c>
      <c r="P8" t="s">
        <v>56</v>
      </c>
      <c r="Q8" t="s">
        <v>65</v>
      </c>
      <c r="R8" t="s">
        <v>85</v>
      </c>
      <c r="S8" s="2">
        <v>44480</v>
      </c>
      <c r="T8" s="2">
        <v>44480</v>
      </c>
      <c r="U8" s="5" t="s">
        <v>86</v>
      </c>
    </row>
    <row r="9" spans="1:21" x14ac:dyDescent="0.3">
      <c r="A9">
        <v>2021</v>
      </c>
      <c r="B9" s="2">
        <v>44378</v>
      </c>
      <c r="C9" s="2">
        <v>44469</v>
      </c>
      <c r="D9" t="s">
        <v>58</v>
      </c>
      <c r="E9" t="s">
        <v>59</v>
      </c>
      <c r="F9" t="s">
        <v>66</v>
      </c>
      <c r="G9" t="s">
        <v>61</v>
      </c>
      <c r="H9" t="s">
        <v>66</v>
      </c>
      <c r="I9" t="s">
        <v>67</v>
      </c>
      <c r="J9" t="s">
        <v>63</v>
      </c>
      <c r="K9" t="s">
        <v>64</v>
      </c>
      <c r="L9">
        <v>0</v>
      </c>
      <c r="O9">
        <v>0.73</v>
      </c>
      <c r="P9" t="s">
        <v>56</v>
      </c>
      <c r="Q9" t="s">
        <v>65</v>
      </c>
      <c r="R9" t="s">
        <v>85</v>
      </c>
      <c r="S9" s="2">
        <v>44480</v>
      </c>
      <c r="T9" s="2">
        <v>44480</v>
      </c>
      <c r="U9" s="6" t="s">
        <v>86</v>
      </c>
    </row>
    <row r="10" spans="1:21" x14ac:dyDescent="0.3">
      <c r="A10">
        <v>2021</v>
      </c>
      <c r="B10" s="2">
        <v>44378</v>
      </c>
      <c r="C10" s="2">
        <v>44469</v>
      </c>
      <c r="D10" t="s">
        <v>58</v>
      </c>
      <c r="E10" t="s">
        <v>59</v>
      </c>
      <c r="F10" t="s">
        <v>68</v>
      </c>
      <c r="G10" t="s">
        <v>61</v>
      </c>
      <c r="H10" t="s">
        <v>68</v>
      </c>
      <c r="I10" t="s">
        <v>69</v>
      </c>
      <c r="J10" t="s">
        <v>63</v>
      </c>
      <c r="K10" t="s">
        <v>64</v>
      </c>
      <c r="L10">
        <v>0</v>
      </c>
      <c r="O10">
        <v>0.16400000000000001</v>
      </c>
      <c r="P10" t="s">
        <v>56</v>
      </c>
      <c r="Q10" t="s">
        <v>65</v>
      </c>
      <c r="R10" s="4" t="s">
        <v>85</v>
      </c>
      <c r="S10" s="2">
        <v>44480</v>
      </c>
      <c r="T10" s="2">
        <v>44480</v>
      </c>
      <c r="U10" s="6" t="s">
        <v>86</v>
      </c>
    </row>
    <row r="11" spans="1:21" x14ac:dyDescent="0.3">
      <c r="A11" s="5">
        <v>2021</v>
      </c>
      <c r="B11" s="2">
        <v>44378</v>
      </c>
      <c r="C11" s="2">
        <v>44469</v>
      </c>
      <c r="D11" t="s">
        <v>58</v>
      </c>
      <c r="E11" t="s">
        <v>59</v>
      </c>
      <c r="F11" t="s">
        <v>70</v>
      </c>
      <c r="G11" t="s">
        <v>61</v>
      </c>
      <c r="H11" t="s">
        <v>70</v>
      </c>
      <c r="I11" t="s">
        <v>71</v>
      </c>
      <c r="J11" t="s">
        <v>63</v>
      </c>
      <c r="K11" t="s">
        <v>64</v>
      </c>
      <c r="L11">
        <v>0</v>
      </c>
      <c r="O11">
        <v>0.27</v>
      </c>
      <c r="P11" t="s">
        <v>56</v>
      </c>
      <c r="Q11" t="s">
        <v>65</v>
      </c>
      <c r="R11" s="4" t="s">
        <v>85</v>
      </c>
      <c r="S11" s="2">
        <v>44480</v>
      </c>
      <c r="T11" s="2">
        <v>44480</v>
      </c>
      <c r="U11" s="6" t="s">
        <v>86</v>
      </c>
    </row>
    <row r="12" spans="1:21" x14ac:dyDescent="0.3">
      <c r="A12" s="5">
        <v>2021</v>
      </c>
      <c r="B12" s="2">
        <v>44378</v>
      </c>
      <c r="C12" s="2">
        <v>44469</v>
      </c>
      <c r="D12" t="s">
        <v>58</v>
      </c>
      <c r="E12" t="s">
        <v>59</v>
      </c>
      <c r="F12" t="s">
        <v>72</v>
      </c>
      <c r="G12" t="s">
        <v>61</v>
      </c>
      <c r="H12" t="s">
        <v>72</v>
      </c>
      <c r="I12" t="s">
        <v>73</v>
      </c>
      <c r="J12" t="s">
        <v>63</v>
      </c>
      <c r="K12" t="s">
        <v>64</v>
      </c>
      <c r="L12">
        <v>0</v>
      </c>
      <c r="O12" s="3">
        <v>0.44</v>
      </c>
      <c r="P12" t="s">
        <v>56</v>
      </c>
      <c r="Q12" t="s">
        <v>65</v>
      </c>
      <c r="R12" s="4" t="s">
        <v>85</v>
      </c>
      <c r="S12" s="2">
        <v>44480</v>
      </c>
      <c r="T12" s="2">
        <v>44480</v>
      </c>
      <c r="U12" s="6" t="s">
        <v>86</v>
      </c>
    </row>
    <row r="13" spans="1:21" x14ac:dyDescent="0.3">
      <c r="A13" s="5">
        <v>2021</v>
      </c>
      <c r="B13" s="2">
        <v>44378</v>
      </c>
      <c r="C13" s="2">
        <v>44469</v>
      </c>
      <c r="D13" t="s">
        <v>58</v>
      </c>
      <c r="E13" t="s">
        <v>59</v>
      </c>
      <c r="F13" t="s">
        <v>74</v>
      </c>
      <c r="G13" t="s">
        <v>61</v>
      </c>
      <c r="H13" t="s">
        <v>74</v>
      </c>
      <c r="I13" t="s">
        <v>75</v>
      </c>
      <c r="J13" t="s">
        <v>63</v>
      </c>
      <c r="K13" t="s">
        <v>64</v>
      </c>
      <c r="L13">
        <v>0</v>
      </c>
      <c r="O13">
        <v>2E-3</v>
      </c>
      <c r="P13" t="s">
        <v>56</v>
      </c>
      <c r="Q13" t="s">
        <v>65</v>
      </c>
      <c r="R13" s="4" t="s">
        <v>85</v>
      </c>
      <c r="S13" s="2">
        <v>44480</v>
      </c>
      <c r="T13" s="2">
        <v>44480</v>
      </c>
      <c r="U13" s="6" t="s">
        <v>86</v>
      </c>
    </row>
    <row r="14" spans="1:21" x14ac:dyDescent="0.3">
      <c r="A14" s="5">
        <v>2021</v>
      </c>
      <c r="B14" s="2">
        <v>44378</v>
      </c>
      <c r="C14" s="2">
        <v>44469</v>
      </c>
      <c r="D14" t="s">
        <v>58</v>
      </c>
      <c r="E14" t="s">
        <v>59</v>
      </c>
      <c r="F14" t="s">
        <v>76</v>
      </c>
      <c r="G14" t="s">
        <v>61</v>
      </c>
      <c r="H14" t="s">
        <v>76</v>
      </c>
      <c r="I14" t="s">
        <v>77</v>
      </c>
      <c r="J14" t="s">
        <v>63</v>
      </c>
      <c r="K14" t="s">
        <v>64</v>
      </c>
      <c r="L14">
        <v>0</v>
      </c>
      <c r="O14" s="3">
        <v>0.69</v>
      </c>
      <c r="P14" t="s">
        <v>56</v>
      </c>
      <c r="Q14" t="s">
        <v>65</v>
      </c>
      <c r="R14" s="4" t="s">
        <v>85</v>
      </c>
      <c r="S14" s="2">
        <v>44480</v>
      </c>
      <c r="T14" s="2">
        <v>44480</v>
      </c>
      <c r="U14" s="6" t="s">
        <v>86</v>
      </c>
    </row>
    <row r="15" spans="1:21" x14ac:dyDescent="0.3">
      <c r="A15" s="5">
        <v>2021</v>
      </c>
      <c r="B15" s="2">
        <v>44378</v>
      </c>
      <c r="C15" s="2">
        <v>44469</v>
      </c>
      <c r="D15" t="s">
        <v>58</v>
      </c>
      <c r="E15" t="s">
        <v>59</v>
      </c>
      <c r="F15" t="s">
        <v>78</v>
      </c>
      <c r="G15" t="s">
        <v>61</v>
      </c>
      <c r="H15" t="s">
        <v>78</v>
      </c>
      <c r="I15" t="s">
        <v>79</v>
      </c>
      <c r="J15" t="s">
        <v>63</v>
      </c>
      <c r="K15" t="s">
        <v>64</v>
      </c>
      <c r="L15">
        <v>0</v>
      </c>
      <c r="O15">
        <v>0.46</v>
      </c>
      <c r="P15" t="s">
        <v>56</v>
      </c>
      <c r="Q15" t="s">
        <v>65</v>
      </c>
      <c r="R15" s="4" t="s">
        <v>85</v>
      </c>
      <c r="S15" s="2">
        <v>44480</v>
      </c>
      <c r="T15" s="2">
        <v>44480</v>
      </c>
      <c r="U15" s="6" t="s">
        <v>86</v>
      </c>
    </row>
    <row r="16" spans="1:21" x14ac:dyDescent="0.3">
      <c r="A16" s="5">
        <v>2021</v>
      </c>
      <c r="B16" s="2">
        <v>44378</v>
      </c>
      <c r="C16" s="2">
        <v>44469</v>
      </c>
      <c r="D16" t="s">
        <v>58</v>
      </c>
      <c r="E16" t="s">
        <v>59</v>
      </c>
      <c r="F16" t="s">
        <v>80</v>
      </c>
      <c r="G16" t="s">
        <v>61</v>
      </c>
      <c r="H16" t="s">
        <v>80</v>
      </c>
      <c r="I16" t="s">
        <v>81</v>
      </c>
      <c r="J16" t="s">
        <v>63</v>
      </c>
      <c r="K16" t="s">
        <v>64</v>
      </c>
      <c r="L16">
        <v>0</v>
      </c>
      <c r="O16" s="3">
        <v>0.32</v>
      </c>
      <c r="P16" t="s">
        <v>56</v>
      </c>
      <c r="Q16" t="s">
        <v>65</v>
      </c>
      <c r="R16" s="4" t="s">
        <v>85</v>
      </c>
      <c r="S16" s="2">
        <v>44480</v>
      </c>
      <c r="T16" s="2">
        <v>44480</v>
      </c>
      <c r="U16" s="6" t="s">
        <v>86</v>
      </c>
    </row>
    <row r="17" spans="1:21" x14ac:dyDescent="0.3">
      <c r="A17" s="5">
        <v>2021</v>
      </c>
      <c r="B17" s="2">
        <v>44378</v>
      </c>
      <c r="C17" s="2">
        <v>44469</v>
      </c>
      <c r="D17" t="s">
        <v>58</v>
      </c>
      <c r="E17" t="s">
        <v>59</v>
      </c>
      <c r="F17" t="s">
        <v>82</v>
      </c>
      <c r="G17" t="s">
        <v>61</v>
      </c>
      <c r="H17" t="s">
        <v>82</v>
      </c>
      <c r="I17" t="s">
        <v>83</v>
      </c>
      <c r="J17" t="s">
        <v>84</v>
      </c>
      <c r="K17" t="s">
        <v>64</v>
      </c>
      <c r="L17">
        <v>0</v>
      </c>
      <c r="O17" s="3">
        <v>4.63</v>
      </c>
      <c r="P17" t="s">
        <v>56</v>
      </c>
      <c r="Q17" t="s">
        <v>65</v>
      </c>
      <c r="R17" s="4" t="s">
        <v>85</v>
      </c>
      <c r="S17" s="2">
        <v>44480</v>
      </c>
      <c r="T17" s="2">
        <v>44480</v>
      </c>
      <c r="U17" s="6" t="s">
        <v>86</v>
      </c>
    </row>
    <row r="25" spans="1:21" x14ac:dyDescent="0.3">
      <c r="D25" s="10"/>
    </row>
  </sheetData>
  <mergeCells count="7">
    <mergeCell ref="A6:U6"/>
    <mergeCell ref="A2:C2"/>
    <mergeCell ref="D2:F2"/>
    <mergeCell ref="G2:I2"/>
    <mergeCell ref="A3:C3"/>
    <mergeCell ref="D3:F3"/>
    <mergeCell ref="G3:I3"/>
  </mergeCells>
  <dataValidations count="1">
    <dataValidation type="list" allowBlank="1" showErrorMessage="1" sqref="P8:P201" xr:uid="{00000000-0002-0000-0000-000000000000}">
      <formula1>Hidden_115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2"/>
  <sheetViews>
    <sheetView workbookViewId="0">
      <selection activeCell="I15" sqref="I15"/>
    </sheetView>
  </sheetViews>
  <sheetFormatPr baseColWidth="10" defaultColWidth="9.109375" defaultRowHeight="14.4" x14ac:dyDescent="0.3"/>
  <sheetData>
    <row r="1" spans="1:1" x14ac:dyDescent="0.3">
      <c r="A1" t="s">
        <v>56</v>
      </c>
    </row>
    <row r="2" spans="1:1" x14ac:dyDescent="0.3">
      <c r="A2" t="s">
        <v>57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2</vt:i4>
      </vt:variant>
      <vt:variant>
        <vt:lpstr>Rangos con nombre</vt:lpstr>
      </vt:variant>
      <vt:variant>
        <vt:i4>1</vt:i4>
      </vt:variant>
    </vt:vector>
  </HeadingPairs>
  <TitlesOfParts>
    <vt:vector size="3" baseType="lpstr">
      <vt:lpstr>Reporte de Formatos</vt:lpstr>
      <vt:lpstr>Hidden_1</vt:lpstr>
      <vt:lpstr>Hidden_115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MARY_PLANEACION</cp:lastModifiedBy>
  <dcterms:created xsi:type="dcterms:W3CDTF">2020-07-31T00:29:35Z</dcterms:created>
  <dcterms:modified xsi:type="dcterms:W3CDTF">2021-10-13T18:46:00Z</dcterms:modified>
</cp:coreProperties>
</file>